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1_03人口・労働統計課\01人口\02_人口統計\02_年報\R3年報\06_ホームページ用\"/>
    </mc:Choice>
  </mc:AlternateContent>
  <bookViews>
    <workbookView xWindow="0" yWindow="0" windowWidth="28800" windowHeight="12885"/>
  </bookViews>
  <sheets>
    <sheet name="参考2" sheetId="1" r:id="rId1"/>
  </sheets>
  <externalReferences>
    <externalReference r:id="rId2"/>
  </externalReferences>
  <definedNames>
    <definedName name="_Key1" localSheetId="0" hidden="1">#REF!</definedName>
    <definedName name="_Key1" hidden="1">#REF!</definedName>
    <definedName name="_Order1" hidden="1">255</definedName>
    <definedName name="_Sort" localSheetId="0" hidden="1">#REF!</definedName>
    <definedName name="_Sort" hidden="1">#REF!</definedName>
    <definedName name="月報">"グラフ 1"</definedName>
    <definedName name="市名">[1]様式1!$X$6:$X$9</definedName>
    <definedName name="第１表2011年10月分" localSheetId="0">#REF!</definedName>
    <definedName name="第１表2011年10月分">#REF!</definedName>
    <definedName name="第１表2011年11月分" localSheetId="0">#REF!</definedName>
    <definedName name="第１表2011年11月分">#REF!</definedName>
    <definedName name="第１表2011年１月分" localSheetId="0">#REF!</definedName>
    <definedName name="第１表2011年１月分">#REF!</definedName>
    <definedName name="第１表2011年２月分" localSheetId="0">#REF!</definedName>
    <definedName name="第１表2011年２月分">#REF!</definedName>
    <definedName name="第１表2011年３月分" localSheetId="0">#REF!</definedName>
    <definedName name="第１表2011年３月分">#REF!</definedName>
    <definedName name="第１表2011年４月分" localSheetId="0">#REF!</definedName>
    <definedName name="第１表2011年４月分">#REF!</definedName>
    <definedName name="第１表2011年５月分" localSheetId="0">#REF!</definedName>
    <definedName name="第１表2011年５月分">#REF!</definedName>
    <definedName name="第１表2011年６月分" localSheetId="0">#REF!</definedName>
    <definedName name="第１表2011年６月分">#REF!</definedName>
    <definedName name="第１表2011年７月分" localSheetId="0">#REF!</definedName>
    <definedName name="第１表2011年７月分">#REF!</definedName>
    <definedName name="第１表2011年８月分" localSheetId="0">#REF!</definedName>
    <definedName name="第１表2011年８月分">#REF!</definedName>
    <definedName name="第１表2011年９月分" localSheetId="0">#REF!</definedName>
    <definedName name="第１表2011年９月分">#REF!</definedName>
    <definedName name="第５表の１2011年10月分" localSheetId="0">#REF!</definedName>
    <definedName name="第５表の１2011年10月分">#REF!</definedName>
    <definedName name="第５表の１2011年11月分" localSheetId="0">#REF!</definedName>
    <definedName name="第５表の１2011年11月分">#REF!</definedName>
    <definedName name="第５表の１2011年12月分" localSheetId="0">#REF!</definedName>
    <definedName name="第５表の１2011年12月分">#REF!</definedName>
    <definedName name="第５表の１2011年１月分" localSheetId="0">#REF!</definedName>
    <definedName name="第５表の１2011年１月分">#REF!</definedName>
    <definedName name="第５表の１2011年２月分" localSheetId="0">#REF!</definedName>
    <definedName name="第５表の１2011年２月分">#REF!</definedName>
    <definedName name="第５表の１2011年３月分" localSheetId="0">#REF!</definedName>
    <definedName name="第５表の１2011年３月分">#REF!</definedName>
    <definedName name="第５表の１2011年４月分" localSheetId="0">#REF!</definedName>
    <definedName name="第５表の１2011年４月分">#REF!</definedName>
    <definedName name="第５表の１2011年５月分" localSheetId="0">#REF!</definedName>
    <definedName name="第５表の１2011年５月分">#REF!</definedName>
    <definedName name="第５表の１2011年６月分" localSheetId="0">#REF!</definedName>
    <definedName name="第５表の１2011年６月分">#REF!</definedName>
    <definedName name="第５表の１2011年７月分" localSheetId="0">#REF!</definedName>
    <definedName name="第５表の１2011年７月分">#REF!</definedName>
    <definedName name="第５表の１2011年８月分" localSheetId="0">#REF!</definedName>
    <definedName name="第５表の１2011年８月分">#REF!</definedName>
    <definedName name="第５表の１2011年９月分" localSheetId="0">#REF!</definedName>
    <definedName name="第５表の１2011年９月分">#REF!</definedName>
    <definedName name="第５表の２2011年10月分" localSheetId="0">#REF!</definedName>
    <definedName name="第５表の２2011年10月分">#REF!</definedName>
    <definedName name="第５表の２2011年11月分" localSheetId="0">#REF!</definedName>
    <definedName name="第５表の２2011年11月分">#REF!</definedName>
    <definedName name="第５表の２2011年12月分" localSheetId="0">#REF!</definedName>
    <definedName name="第５表の２2011年12月分">#REF!</definedName>
    <definedName name="第５表の２2011年１月分" localSheetId="0">#REF!</definedName>
    <definedName name="第５表の２2011年１月分">#REF!</definedName>
    <definedName name="第５表の２2011年２月分" localSheetId="0">#REF!</definedName>
    <definedName name="第５表の２2011年２月分">#REF!</definedName>
    <definedName name="第５表の２2011年３月分" localSheetId="0">#REF!</definedName>
    <definedName name="第５表の２2011年３月分">#REF!</definedName>
    <definedName name="第５表の２2011年４月分" localSheetId="0">#REF!</definedName>
    <definedName name="第５表の２2011年４月分">#REF!</definedName>
    <definedName name="第５表の２2011年５月分" localSheetId="0">#REF!</definedName>
    <definedName name="第５表の２2011年５月分">#REF!</definedName>
    <definedName name="第５表の２2011年６月分" localSheetId="0">#REF!</definedName>
    <definedName name="第５表の２2011年６月分">#REF!</definedName>
    <definedName name="第５表の２2011年７月分" localSheetId="0">#REF!</definedName>
    <definedName name="第５表の２2011年７月分">#REF!</definedName>
    <definedName name="第５表の２2011年８月分" localSheetId="0">#REF!</definedName>
    <definedName name="第５表の２2011年８月分">#REF!</definedName>
    <definedName name="第５表の２2011年９月分" localSheetId="0">#REF!</definedName>
    <definedName name="第５表の２2011年９月分">#REF!</definedName>
    <definedName name="平成23年１月" localSheetId="0">#REF!</definedName>
    <definedName name="平成23年１月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7" uniqueCount="21">
  <si>
    <t>国勢調査結果による人口と世帯の推移</t>
    <rPh sb="0" eb="6">
      <t>コクセイチョウサケッカ</t>
    </rPh>
    <rPh sb="9" eb="11">
      <t>ジンコウ</t>
    </rPh>
    <rPh sb="12" eb="14">
      <t>セタイ</t>
    </rPh>
    <rPh sb="15" eb="17">
      <t>スイイ</t>
    </rPh>
    <phoneticPr fontId="2"/>
  </si>
  <si>
    <t>参考２</t>
    <rPh sb="0" eb="2">
      <t>サンコウ</t>
    </rPh>
    <phoneticPr fontId="2"/>
  </si>
  <si>
    <t>年次</t>
    <rPh sb="0" eb="2">
      <t>ネンジ</t>
    </rPh>
    <phoneticPr fontId="2"/>
  </si>
  <si>
    <t>世帯数</t>
    <rPh sb="0" eb="3">
      <t>セタイスウ</t>
    </rPh>
    <phoneticPr fontId="2"/>
  </si>
  <si>
    <t>人口</t>
    <rPh sb="0" eb="2">
      <t>ジンコウ</t>
    </rPh>
    <phoneticPr fontId="2"/>
  </si>
  <si>
    <t>前回調査に対する増減</t>
    <rPh sb="0" eb="4">
      <t>ゼンカイチョウサ</t>
    </rPh>
    <rPh sb="5" eb="6">
      <t>タイ</t>
    </rPh>
    <rPh sb="8" eb="10">
      <t>ゾウゲン</t>
    </rPh>
    <phoneticPr fontId="2"/>
  </si>
  <si>
    <t>１世帯当たり人員</t>
    <rPh sb="1" eb="3">
      <t>セタイ</t>
    </rPh>
    <rPh sb="3" eb="4">
      <t>ア</t>
    </rPh>
    <rPh sb="6" eb="8">
      <t>ジンイン</t>
    </rPh>
    <phoneticPr fontId="2"/>
  </si>
  <si>
    <r>
      <t>人口密度
(1km</t>
    </r>
    <r>
      <rPr>
        <vertAlign val="superscript"/>
        <sz val="8"/>
        <color theme="1"/>
        <rFont val="HGPｺﾞｼｯｸM"/>
        <family val="3"/>
        <charset val="128"/>
      </rPr>
      <t>2</t>
    </r>
    <r>
      <rPr>
        <sz val="8"/>
        <color theme="1"/>
        <rFont val="HGPｺﾞｼｯｸM"/>
        <family val="3"/>
        <charset val="128"/>
      </rPr>
      <t>)</t>
    </r>
    <rPh sb="0" eb="2">
      <t>ジンコウ</t>
    </rPh>
    <rPh sb="2" eb="4">
      <t>ミツド</t>
    </rPh>
    <phoneticPr fontId="2"/>
  </si>
  <si>
    <t>総数</t>
    <rPh sb="0" eb="2">
      <t>ソウスウ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世帯増減</t>
    <rPh sb="0" eb="4">
      <t>セタイゾウゲン</t>
    </rPh>
    <phoneticPr fontId="2"/>
  </si>
  <si>
    <t>人口増減</t>
    <rPh sb="0" eb="4">
      <t>ジンコウゾウゲン</t>
    </rPh>
    <phoneticPr fontId="2"/>
  </si>
  <si>
    <t>増減率</t>
    <rPh sb="0" eb="3">
      <t>ゾウゲンリツ</t>
    </rPh>
    <phoneticPr fontId="2"/>
  </si>
  <si>
    <t>世帯</t>
    <rPh sb="0" eb="2">
      <t>セタイ</t>
    </rPh>
    <phoneticPr fontId="2"/>
  </si>
  <si>
    <t>人</t>
    <rPh sb="0" eb="1">
      <t>ヒト</t>
    </rPh>
    <phoneticPr fontId="2"/>
  </si>
  <si>
    <t>人</t>
    <rPh sb="0" eb="1">
      <t>ニン</t>
    </rPh>
    <phoneticPr fontId="2"/>
  </si>
  <si>
    <t>％</t>
  </si>
  <si>
    <t>昭和22年10月1日
（臨時国勢調査）</t>
    <rPh sb="0" eb="2">
      <t>ショウワ</t>
    </rPh>
    <rPh sb="4" eb="5">
      <t>ネン</t>
    </rPh>
    <rPh sb="7" eb="8">
      <t>ガツ</t>
    </rPh>
    <rPh sb="9" eb="10">
      <t>ニチ</t>
    </rPh>
    <rPh sb="12" eb="14">
      <t>リンジ</t>
    </rPh>
    <rPh sb="14" eb="16">
      <t>コクセイ</t>
    </rPh>
    <rPh sb="16" eb="18">
      <t>チョウサ</t>
    </rPh>
    <phoneticPr fontId="6"/>
  </si>
  <si>
    <t>―</t>
  </si>
  <si>
    <t>―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"/>
    <numFmt numFmtId="177" formatCode="#,##0.00_ "/>
  </numFmts>
  <fonts count="8" x14ac:knownFonts="1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vertAlign val="superscript"/>
      <sz val="8"/>
      <color theme="1"/>
      <name val="HGPｺﾞｼｯｸM"/>
      <family val="3"/>
      <charset val="128"/>
    </font>
    <font>
      <sz val="8"/>
      <name val="HGPｺﾞｼｯｸM"/>
      <family val="3"/>
      <charset val="128"/>
    </font>
    <font>
      <sz val="6"/>
      <name val="ＭＳ Ｐゴシック"/>
      <family val="3"/>
      <charset val="128"/>
    </font>
    <font>
      <sz val="6"/>
      <color theme="1"/>
      <name val="HGPｺﾞｼｯｸM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3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 applyAlignment="1">
      <alignment horizontal="right" vertical="center"/>
    </xf>
    <xf numFmtId="0" fontId="3" fillId="0" borderId="9" xfId="0" applyFont="1" applyBorder="1" applyAlignment="1">
      <alignment horizontal="center" vertical="center"/>
    </xf>
    <xf numFmtId="0" fontId="3" fillId="0" borderId="11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12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58" fontId="5" fillId="0" borderId="0" xfId="0" applyNumberFormat="1" applyFont="1" applyBorder="1" applyAlignment="1" applyProtection="1">
      <alignment horizontal="distributed" vertical="center"/>
    </xf>
    <xf numFmtId="176" fontId="3" fillId="0" borderId="12" xfId="0" applyNumberFormat="1" applyFont="1" applyBorder="1" applyAlignment="1">
      <alignment horizontal="right" vertical="center"/>
    </xf>
    <xf numFmtId="177" fontId="3" fillId="0" borderId="12" xfId="0" applyNumberFormat="1" applyFont="1" applyBorder="1" applyAlignment="1">
      <alignment horizontal="right" vertical="center"/>
    </xf>
    <xf numFmtId="176" fontId="3" fillId="0" borderId="13" xfId="0" applyNumberFormat="1" applyFont="1" applyBorder="1" applyAlignment="1">
      <alignment horizontal="right" vertical="center"/>
    </xf>
    <xf numFmtId="58" fontId="5" fillId="0" borderId="0" xfId="0" applyNumberFormat="1" applyFont="1" applyBorder="1" applyAlignment="1" applyProtection="1">
      <alignment horizontal="distributed" vertical="center" wrapText="1"/>
    </xf>
    <xf numFmtId="0" fontId="3" fillId="0" borderId="14" xfId="0" applyFont="1" applyBorder="1">
      <alignment vertical="center"/>
    </xf>
    <xf numFmtId="0" fontId="3" fillId="0" borderId="1" xfId="0" applyFont="1" applyBorder="1">
      <alignment vertical="center"/>
    </xf>
    <xf numFmtId="176" fontId="3" fillId="0" borderId="15" xfId="0" applyNumberFormat="1" applyFont="1" applyBorder="1">
      <alignment vertical="center"/>
    </xf>
    <xf numFmtId="177" fontId="3" fillId="0" borderId="15" xfId="0" applyNumberFormat="1" applyFont="1" applyBorder="1">
      <alignment vertical="center"/>
    </xf>
    <xf numFmtId="176" fontId="3" fillId="0" borderId="16" xfId="0" applyNumberFormat="1" applyFont="1" applyBorder="1">
      <alignment vertical="center"/>
    </xf>
    <xf numFmtId="176" fontId="7" fillId="0" borderId="12" xfId="0" applyNumberFormat="1" applyFont="1" applyBorder="1" applyAlignment="1">
      <alignment horizontal="center" vertical="center"/>
    </xf>
    <xf numFmtId="177" fontId="7" fillId="0" borderId="12" xfId="0" applyNumberFormat="1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64501034/Desktop/&#20154;&#21475;&#38598;&#35336;&#12471;&#12473;&#12486;&#12512;(&#20462;&#27491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09"/>
  <dimension ref="A1:U27"/>
  <sheetViews>
    <sheetView tabSelected="1" view="pageBreakPreview" zoomScaleNormal="115" zoomScaleSheetLayoutView="100" workbookViewId="0">
      <selection sqref="A1:L1"/>
    </sheetView>
  </sheetViews>
  <sheetFormatPr defaultRowHeight="14.25" x14ac:dyDescent="0.15"/>
  <cols>
    <col min="1" max="1" width="0.625" style="1" customWidth="1"/>
    <col min="2" max="2" width="15.625" style="1" customWidth="1"/>
    <col min="3" max="3" width="0.625" style="1" customWidth="1"/>
    <col min="4" max="4" width="7.875" style="1" customWidth="1"/>
    <col min="5" max="7" width="7.625" style="1" customWidth="1"/>
    <col min="8" max="10" width="7.25" style="1" customWidth="1"/>
    <col min="11" max="11" width="7.5" style="1" customWidth="1"/>
    <col min="12" max="18" width="6.875" style="1" customWidth="1"/>
  </cols>
  <sheetData>
    <row r="1" spans="1:12" ht="18.75" customHeight="1" x14ac:dyDescent="0.15">
      <c r="A1" s="20" t="s">
        <v>0</v>
      </c>
      <c r="B1" s="20"/>
      <c r="C1" s="20"/>
      <c r="D1" s="20"/>
      <c r="E1" s="20"/>
      <c r="F1" s="20"/>
      <c r="G1" s="20"/>
      <c r="H1" s="20"/>
      <c r="I1" s="20"/>
      <c r="J1" s="20"/>
      <c r="K1" s="20"/>
      <c r="L1" s="20"/>
    </row>
    <row r="2" spans="1:12" ht="15" customHeight="1" thickBot="1" x14ac:dyDescent="0.2">
      <c r="A2" s="21" t="s">
        <v>1</v>
      </c>
      <c r="B2" s="21"/>
      <c r="C2" s="21"/>
      <c r="L2" s="2"/>
    </row>
    <row r="3" spans="1:12" ht="15" customHeight="1" x14ac:dyDescent="0.15">
      <c r="A3" s="22" t="s">
        <v>2</v>
      </c>
      <c r="B3" s="23"/>
      <c r="C3" s="23"/>
      <c r="D3" s="26" t="s">
        <v>3</v>
      </c>
      <c r="E3" s="28" t="s">
        <v>4</v>
      </c>
      <c r="F3" s="28"/>
      <c r="G3" s="28"/>
      <c r="H3" s="28" t="s">
        <v>5</v>
      </c>
      <c r="I3" s="28"/>
      <c r="J3" s="28"/>
      <c r="K3" s="29" t="s">
        <v>6</v>
      </c>
      <c r="L3" s="31" t="s">
        <v>7</v>
      </c>
    </row>
    <row r="4" spans="1:12" ht="15" customHeight="1" x14ac:dyDescent="0.15">
      <c r="A4" s="24"/>
      <c r="B4" s="25"/>
      <c r="C4" s="25"/>
      <c r="D4" s="27"/>
      <c r="E4" s="3" t="s">
        <v>8</v>
      </c>
      <c r="F4" s="3" t="s">
        <v>9</v>
      </c>
      <c r="G4" s="3" t="s">
        <v>10</v>
      </c>
      <c r="H4" s="3" t="s">
        <v>11</v>
      </c>
      <c r="I4" s="3" t="s">
        <v>12</v>
      </c>
      <c r="J4" s="3" t="s">
        <v>13</v>
      </c>
      <c r="K4" s="30"/>
      <c r="L4" s="32"/>
    </row>
    <row r="5" spans="1:12" ht="10.5" customHeight="1" x14ac:dyDescent="0.15">
      <c r="A5" s="4"/>
      <c r="B5" s="5"/>
      <c r="C5" s="5"/>
      <c r="D5" s="6" t="s">
        <v>14</v>
      </c>
      <c r="E5" s="6" t="s">
        <v>15</v>
      </c>
      <c r="F5" s="6" t="s">
        <v>15</v>
      </c>
      <c r="G5" s="6" t="s">
        <v>15</v>
      </c>
      <c r="H5" s="6" t="s">
        <v>14</v>
      </c>
      <c r="I5" s="6" t="s">
        <v>16</v>
      </c>
      <c r="J5" s="6" t="s">
        <v>17</v>
      </c>
      <c r="K5" s="6" t="s">
        <v>15</v>
      </c>
      <c r="L5" s="7" t="s">
        <v>15</v>
      </c>
    </row>
    <row r="6" spans="1:12" ht="34.9" customHeight="1" x14ac:dyDescent="0.15">
      <c r="A6" s="4"/>
      <c r="B6" s="8">
        <v>44105</v>
      </c>
      <c r="C6" s="5"/>
      <c r="D6" s="9">
        <v>4223706</v>
      </c>
      <c r="E6" s="9">
        <v>9237337</v>
      </c>
      <c r="F6" s="9">
        <v>4588268</v>
      </c>
      <c r="G6" s="9">
        <v>4649069</v>
      </c>
      <c r="H6" s="9">
        <v>244428</v>
      </c>
      <c r="I6" s="9">
        <v>111123</v>
      </c>
      <c r="J6" s="10">
        <v>1.2176352647439561</v>
      </c>
      <c r="K6" s="10">
        <v>2.1870217766103988</v>
      </c>
      <c r="L6" s="11">
        <v>3823</v>
      </c>
    </row>
    <row r="7" spans="1:12" ht="34.9" customHeight="1" x14ac:dyDescent="0.15">
      <c r="A7" s="4"/>
      <c r="B7" s="8">
        <v>42278</v>
      </c>
      <c r="C7" s="5"/>
      <c r="D7" s="9">
        <v>3979278</v>
      </c>
      <c r="E7" s="9">
        <v>9126214</v>
      </c>
      <c r="F7" s="9">
        <v>4558978</v>
      </c>
      <c r="G7" s="9">
        <v>4567236</v>
      </c>
      <c r="H7" s="9">
        <v>134753</v>
      </c>
      <c r="I7" s="9">
        <v>77883</v>
      </c>
      <c r="J7" s="10">
        <v>0.86074437374141155</v>
      </c>
      <c r="K7" s="10">
        <v>2.2934346381428994</v>
      </c>
      <c r="L7" s="11">
        <v>3778</v>
      </c>
    </row>
    <row r="8" spans="1:12" ht="34.9" customHeight="1" x14ac:dyDescent="0.15">
      <c r="A8" s="4"/>
      <c r="B8" s="8">
        <v>40452</v>
      </c>
      <c r="C8" s="5"/>
      <c r="D8" s="9">
        <v>3844525</v>
      </c>
      <c r="E8" s="9">
        <v>9048331</v>
      </c>
      <c r="F8" s="9">
        <v>4544545</v>
      </c>
      <c r="G8" s="9">
        <v>4503786</v>
      </c>
      <c r="H8" s="9">
        <v>252659</v>
      </c>
      <c r="I8" s="9">
        <v>256734</v>
      </c>
      <c r="J8" s="10">
        <v>2.9202202967219719</v>
      </c>
      <c r="K8" s="10">
        <v>2.3535627938431927</v>
      </c>
      <c r="L8" s="11">
        <v>3745</v>
      </c>
    </row>
    <row r="9" spans="1:12" ht="34.9" customHeight="1" x14ac:dyDescent="0.15">
      <c r="A9" s="4"/>
      <c r="B9" s="8">
        <v>38626</v>
      </c>
      <c r="C9" s="5"/>
      <c r="D9" s="9">
        <v>3591866</v>
      </c>
      <c r="E9" s="9">
        <v>8791597</v>
      </c>
      <c r="F9" s="9">
        <v>4444555</v>
      </c>
      <c r="G9" s="9">
        <v>4347042</v>
      </c>
      <c r="H9" s="9">
        <v>250633</v>
      </c>
      <c r="I9" s="9">
        <v>301623</v>
      </c>
      <c r="J9" s="10">
        <v>3.5526963922386572</v>
      </c>
      <c r="K9" s="10">
        <v>2.4476405857011367</v>
      </c>
      <c r="L9" s="11">
        <v>3639</v>
      </c>
    </row>
    <row r="10" spans="1:12" ht="34.9" customHeight="1" x14ac:dyDescent="0.15">
      <c r="A10" s="4"/>
      <c r="B10" s="8">
        <v>36800</v>
      </c>
      <c r="C10" s="5"/>
      <c r="D10" s="9">
        <v>3341233</v>
      </c>
      <c r="E10" s="9">
        <v>8489974</v>
      </c>
      <c r="F10" s="9">
        <v>4308786</v>
      </c>
      <c r="G10" s="9">
        <v>4181188</v>
      </c>
      <c r="H10" s="9">
        <v>247235</v>
      </c>
      <c r="I10" s="9">
        <v>244074</v>
      </c>
      <c r="J10" s="10">
        <v>2.9599437296110795</v>
      </c>
      <c r="K10" s="10">
        <v>2.5409703543572086</v>
      </c>
      <c r="L10" s="11">
        <v>3515</v>
      </c>
    </row>
    <row r="11" spans="1:12" ht="34.9" customHeight="1" x14ac:dyDescent="0.15">
      <c r="A11" s="4"/>
      <c r="B11" s="8">
        <v>34973</v>
      </c>
      <c r="C11" s="5"/>
      <c r="D11" s="9">
        <v>3093998</v>
      </c>
      <c r="E11" s="9">
        <v>8245900</v>
      </c>
      <c r="F11" s="9">
        <v>4209525</v>
      </c>
      <c r="G11" s="9">
        <v>4036375</v>
      </c>
      <c r="H11" s="9">
        <v>246186</v>
      </c>
      <c r="I11" s="9">
        <v>265509</v>
      </c>
      <c r="J11" s="10">
        <v>3.327017435611864</v>
      </c>
      <c r="K11" s="10">
        <v>2.6651277731918377</v>
      </c>
      <c r="L11" s="11">
        <v>3416</v>
      </c>
    </row>
    <row r="12" spans="1:12" ht="34.9" customHeight="1" x14ac:dyDescent="0.15">
      <c r="A12" s="4"/>
      <c r="B12" s="8">
        <v>33147</v>
      </c>
      <c r="C12" s="5"/>
      <c r="D12" s="9">
        <v>2847812</v>
      </c>
      <c r="E12" s="9">
        <v>7980391</v>
      </c>
      <c r="F12" s="9">
        <v>4098147</v>
      </c>
      <c r="G12" s="9">
        <v>3882244</v>
      </c>
      <c r="H12" s="9">
        <v>355963</v>
      </c>
      <c r="I12" s="9">
        <v>548417</v>
      </c>
      <c r="J12" s="10">
        <v>7.3791566009245999</v>
      </c>
      <c r="K12" s="10">
        <v>2.8022885639922861</v>
      </c>
      <c r="L12" s="11">
        <v>3308</v>
      </c>
    </row>
    <row r="13" spans="1:12" ht="34.9" customHeight="1" x14ac:dyDescent="0.15">
      <c r="A13" s="4"/>
      <c r="B13" s="8">
        <v>31321</v>
      </c>
      <c r="C13" s="5"/>
      <c r="D13" s="9">
        <v>2491849</v>
      </c>
      <c r="E13" s="9">
        <v>7431974</v>
      </c>
      <c r="F13" s="9">
        <v>3804081</v>
      </c>
      <c r="G13" s="9">
        <v>3627893</v>
      </c>
      <c r="H13" s="9">
        <v>233200</v>
      </c>
      <c r="I13" s="9">
        <v>507626</v>
      </c>
      <c r="J13" s="10">
        <v>7.3310295785249373</v>
      </c>
      <c r="K13" s="10">
        <v>2.9825137879542458</v>
      </c>
      <c r="L13" s="11">
        <v>3094</v>
      </c>
    </row>
    <row r="14" spans="1:12" ht="34.9" customHeight="1" x14ac:dyDescent="0.15">
      <c r="A14" s="4"/>
      <c r="B14" s="8">
        <v>29495</v>
      </c>
      <c r="C14" s="5"/>
      <c r="D14" s="9">
        <v>2258649</v>
      </c>
      <c r="E14" s="9">
        <v>6924348</v>
      </c>
      <c r="F14" s="9">
        <v>3536021</v>
      </c>
      <c r="G14" s="9">
        <v>3388327</v>
      </c>
      <c r="H14" s="9">
        <v>352182</v>
      </c>
      <c r="I14" s="9">
        <v>526600</v>
      </c>
      <c r="J14" s="10">
        <v>8.2310212906166349</v>
      </c>
      <c r="K14" s="10">
        <v>3.0657034359920465</v>
      </c>
      <c r="L14" s="11">
        <v>2889</v>
      </c>
    </row>
    <row r="15" spans="1:12" ht="34.9" customHeight="1" x14ac:dyDescent="0.15">
      <c r="A15" s="4"/>
      <c r="B15" s="8">
        <v>27668</v>
      </c>
      <c r="C15" s="5"/>
      <c r="D15" s="9">
        <v>1906467</v>
      </c>
      <c r="E15" s="9">
        <v>6397748</v>
      </c>
      <c r="F15" s="9">
        <v>3287118</v>
      </c>
      <c r="G15" s="9">
        <v>3110630</v>
      </c>
      <c r="H15" s="9">
        <v>371840</v>
      </c>
      <c r="I15" s="9">
        <v>925501</v>
      </c>
      <c r="J15" s="10">
        <v>16.912632050417315</v>
      </c>
      <c r="K15" s="10">
        <v>3.3558136595073504</v>
      </c>
      <c r="L15" s="11">
        <v>2676</v>
      </c>
    </row>
    <row r="16" spans="1:12" ht="34.9" customHeight="1" x14ac:dyDescent="0.15">
      <c r="A16" s="4"/>
      <c r="B16" s="8">
        <v>25842</v>
      </c>
      <c r="C16" s="5"/>
      <c r="D16" s="9">
        <v>1534627</v>
      </c>
      <c r="E16" s="9">
        <v>5472247</v>
      </c>
      <c r="F16" s="9">
        <v>2822212</v>
      </c>
      <c r="G16" s="9">
        <v>2650035</v>
      </c>
      <c r="H16" s="9">
        <v>384785</v>
      </c>
      <c r="I16" s="9">
        <v>1041504</v>
      </c>
      <c r="J16" s="10">
        <v>23.506305827261929</v>
      </c>
      <c r="K16" s="10">
        <v>3.5658482484668914</v>
      </c>
      <c r="L16" s="11">
        <v>2295</v>
      </c>
    </row>
    <row r="17" spans="1:21" ht="34.9" customHeight="1" x14ac:dyDescent="0.15">
      <c r="A17" s="4"/>
      <c r="B17" s="8">
        <v>24016</v>
      </c>
      <c r="C17" s="5"/>
      <c r="D17" s="9">
        <v>1149842</v>
      </c>
      <c r="E17" s="9">
        <v>4430743</v>
      </c>
      <c r="F17" s="9">
        <v>2280926</v>
      </c>
      <c r="G17" s="9">
        <v>2149817</v>
      </c>
      <c r="H17" s="9">
        <v>332846</v>
      </c>
      <c r="I17" s="9">
        <v>987567</v>
      </c>
      <c r="J17" s="10">
        <v>28.6818623271073</v>
      </c>
      <c r="K17" s="10">
        <v>3.8533494167024687</v>
      </c>
      <c r="L17" s="11">
        <v>1866</v>
      </c>
    </row>
    <row r="18" spans="1:21" ht="34.9" customHeight="1" x14ac:dyDescent="0.15">
      <c r="A18" s="4"/>
      <c r="B18" s="8">
        <v>22190</v>
      </c>
      <c r="C18" s="5"/>
      <c r="D18" s="9">
        <v>816996</v>
      </c>
      <c r="E18" s="9">
        <v>3443176</v>
      </c>
      <c r="F18" s="9">
        <v>1746926</v>
      </c>
      <c r="G18" s="9">
        <v>1696250</v>
      </c>
      <c r="H18" s="9">
        <v>191377</v>
      </c>
      <c r="I18" s="9">
        <v>523679</v>
      </c>
      <c r="J18" s="10">
        <v>17.937302213360727</v>
      </c>
      <c r="K18" s="10">
        <v>4.2144343423958013</v>
      </c>
      <c r="L18" s="11">
        <v>1458</v>
      </c>
    </row>
    <row r="19" spans="1:21" ht="34.9" customHeight="1" x14ac:dyDescent="0.15">
      <c r="A19" s="4"/>
      <c r="B19" s="8">
        <v>20363</v>
      </c>
      <c r="C19" s="5"/>
      <c r="D19" s="9">
        <v>625619</v>
      </c>
      <c r="E19" s="9">
        <v>2919497</v>
      </c>
      <c r="F19" s="9">
        <v>1470415</v>
      </c>
      <c r="G19" s="9">
        <v>1449082</v>
      </c>
      <c r="H19" s="9">
        <v>101705</v>
      </c>
      <c r="I19" s="9">
        <v>431832</v>
      </c>
      <c r="J19" s="10">
        <v>17.358928955466272</v>
      </c>
      <c r="K19" s="10">
        <v>4.6665734256792071</v>
      </c>
      <c r="L19" s="11">
        <v>1236</v>
      </c>
    </row>
    <row r="20" spans="1:21" ht="34.9" customHeight="1" x14ac:dyDescent="0.15">
      <c r="A20" s="4"/>
      <c r="B20" s="8">
        <v>18537</v>
      </c>
      <c r="C20" s="5"/>
      <c r="D20" s="9">
        <v>523914</v>
      </c>
      <c r="E20" s="9">
        <v>2487665</v>
      </c>
      <c r="F20" s="9">
        <v>1247934</v>
      </c>
      <c r="G20" s="9">
        <v>1239731</v>
      </c>
      <c r="H20" s="9">
        <v>57963</v>
      </c>
      <c r="I20" s="9">
        <v>269545</v>
      </c>
      <c r="J20" s="10">
        <v>12.15195751357005</v>
      </c>
      <c r="K20" s="10">
        <v>4.7482315799921357</v>
      </c>
      <c r="L20" s="11">
        <v>1054</v>
      </c>
    </row>
    <row r="21" spans="1:21" ht="34.9" customHeight="1" x14ac:dyDescent="0.15">
      <c r="A21" s="4"/>
      <c r="B21" s="12" t="s">
        <v>18</v>
      </c>
      <c r="C21" s="5"/>
      <c r="D21" s="9">
        <v>465951</v>
      </c>
      <c r="E21" s="9">
        <v>2218120</v>
      </c>
      <c r="F21" s="9">
        <v>1115111</v>
      </c>
      <c r="G21" s="9">
        <v>1103009</v>
      </c>
      <c r="H21" s="9">
        <v>34722</v>
      </c>
      <c r="I21" s="9">
        <v>29146</v>
      </c>
      <c r="J21" s="10">
        <v>1.3314913744978241</v>
      </c>
      <c r="K21" s="10">
        <v>4.7604147217196662</v>
      </c>
      <c r="L21" s="11">
        <v>943</v>
      </c>
    </row>
    <row r="22" spans="1:21" ht="34.9" customHeight="1" x14ac:dyDescent="0.15">
      <c r="A22" s="4"/>
      <c r="B22" s="8">
        <v>14885</v>
      </c>
      <c r="C22" s="5"/>
      <c r="D22" s="9">
        <v>431229</v>
      </c>
      <c r="E22" s="9">
        <v>2188974</v>
      </c>
      <c r="F22" s="9">
        <v>1137936</v>
      </c>
      <c r="G22" s="9">
        <v>1051038</v>
      </c>
      <c r="H22" s="9">
        <v>72913</v>
      </c>
      <c r="I22" s="9">
        <v>348969</v>
      </c>
      <c r="J22" s="10">
        <v>18.965654984633193</v>
      </c>
      <c r="K22" s="10">
        <v>5.0761289245389341</v>
      </c>
      <c r="L22" s="11">
        <v>930</v>
      </c>
    </row>
    <row r="23" spans="1:21" ht="34.9" customHeight="1" x14ac:dyDescent="0.15">
      <c r="A23" s="4"/>
      <c r="B23" s="8">
        <v>13058</v>
      </c>
      <c r="C23" s="5"/>
      <c r="D23" s="9">
        <v>358316</v>
      </c>
      <c r="E23" s="9">
        <v>1840005</v>
      </c>
      <c r="F23" s="9">
        <v>951348</v>
      </c>
      <c r="G23" s="9">
        <v>888657</v>
      </c>
      <c r="H23" s="9">
        <v>35053</v>
      </c>
      <c r="I23" s="9">
        <v>220399</v>
      </c>
      <c r="J23" s="10">
        <v>13.608186188492757</v>
      </c>
      <c r="K23" s="10">
        <v>5.1351460721820965</v>
      </c>
      <c r="L23" s="11">
        <v>782</v>
      </c>
    </row>
    <row r="24" spans="1:21" ht="34.9" customHeight="1" x14ac:dyDescent="0.15">
      <c r="A24" s="4"/>
      <c r="B24" s="8">
        <v>11232</v>
      </c>
      <c r="C24" s="5"/>
      <c r="D24" s="9">
        <v>323263</v>
      </c>
      <c r="E24" s="9">
        <v>1619606</v>
      </c>
      <c r="F24" s="9">
        <v>839309</v>
      </c>
      <c r="G24" s="9">
        <v>780297</v>
      </c>
      <c r="H24" s="9">
        <v>35486</v>
      </c>
      <c r="I24" s="9">
        <v>202814</v>
      </c>
      <c r="J24" s="10">
        <v>14.315015895064342</v>
      </c>
      <c r="K24" s="10">
        <v>5.0101805650507485</v>
      </c>
      <c r="L24" s="11">
        <v>688</v>
      </c>
    </row>
    <row r="25" spans="1:21" ht="34.9" customHeight="1" x14ac:dyDescent="0.15">
      <c r="A25" s="4"/>
      <c r="B25" s="8">
        <v>9406</v>
      </c>
      <c r="C25" s="5"/>
      <c r="D25" s="9">
        <v>287777</v>
      </c>
      <c r="E25" s="9">
        <v>1416792</v>
      </c>
      <c r="F25" s="9">
        <v>739699</v>
      </c>
      <c r="G25" s="9">
        <v>677093</v>
      </c>
      <c r="H25" s="9">
        <v>26635</v>
      </c>
      <c r="I25" s="9">
        <v>93402</v>
      </c>
      <c r="J25" s="10">
        <v>7.0577834198535587</v>
      </c>
      <c r="K25" s="10">
        <v>4.923228750039093</v>
      </c>
      <c r="L25" s="11">
        <v>602</v>
      </c>
    </row>
    <row r="26" spans="1:21" ht="34.9" customHeight="1" x14ac:dyDescent="0.15">
      <c r="A26" s="4"/>
      <c r="B26" s="8">
        <v>7580</v>
      </c>
      <c r="C26" s="5"/>
      <c r="D26" s="9">
        <v>261142</v>
      </c>
      <c r="E26" s="9">
        <v>1323390</v>
      </c>
      <c r="F26" s="9">
        <v>689751</v>
      </c>
      <c r="G26" s="9">
        <v>633639</v>
      </c>
      <c r="H26" s="18" t="s">
        <v>20</v>
      </c>
      <c r="I26" s="18" t="s">
        <v>19</v>
      </c>
      <c r="J26" s="19" t="s">
        <v>19</v>
      </c>
      <c r="K26" s="10">
        <v>5.067702629220884</v>
      </c>
      <c r="L26" s="11">
        <v>563</v>
      </c>
    </row>
    <row r="27" spans="1:21" s="1" customFormat="1" ht="3.75" customHeight="1" thickBot="1" x14ac:dyDescent="0.2">
      <c r="A27" s="13"/>
      <c r="B27" s="14"/>
      <c r="C27" s="14"/>
      <c r="D27" s="15"/>
      <c r="E27" s="15"/>
      <c r="F27" s="15"/>
      <c r="G27" s="15"/>
      <c r="H27" s="15"/>
      <c r="I27" s="15"/>
      <c r="J27" s="15"/>
      <c r="K27" s="16"/>
      <c r="L27" s="17"/>
      <c r="S27"/>
      <c r="T27"/>
      <c r="U27"/>
    </row>
  </sheetData>
  <mergeCells count="8">
    <mergeCell ref="A1:L1"/>
    <mergeCell ref="A2:C2"/>
    <mergeCell ref="A3:C4"/>
    <mergeCell ref="D3:D4"/>
    <mergeCell ref="E3:G3"/>
    <mergeCell ref="H3:J3"/>
    <mergeCell ref="K3:K4"/>
    <mergeCell ref="L3:L4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93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参考2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1-28T00:38:17Z</dcterms:created>
  <dcterms:modified xsi:type="dcterms:W3CDTF">2022-02-15T08:15:55Z</dcterms:modified>
</cp:coreProperties>
</file>